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oststellingwerf/"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symbool, Lettertype&#10;&#10;Automatisch gegenereerde beschrijving">
            <a:extLst>
              <a:ext uri="{FF2B5EF4-FFF2-40B4-BE49-F238E27FC236}">
                <a16:creationId xmlns:a16="http://schemas.microsoft.com/office/drawing/2014/main" id="{8699AD3E-8CA2-CCEC-6052-E0A70AFD62B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254" y="4560411"/>
            <a:ext cx="2710615"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symbool, Lettertype&#10;&#10;Automatisch gegenereerde beschrijving">
            <a:extLst>
              <a:ext uri="{FF2B5EF4-FFF2-40B4-BE49-F238E27FC236}">
                <a16:creationId xmlns:a16="http://schemas.microsoft.com/office/drawing/2014/main" id="{5D282EB3-2C54-05F8-7056-6A8A8F13855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3885" y="3863695"/>
            <a:ext cx="1947200" cy="151102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22T10:51:31Z</dcterms:modified>
</cp:coreProperties>
</file>